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57" r:id="rId5"/>
    <p:sldId id="271" r:id="rId6"/>
    <p:sldId id="274" r:id="rId7"/>
    <p:sldId id="273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3F1C5A28-4E0C-42C5-8215-43BDA627C287}" v="14" dt="2024-05-06T15:39:31.402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 showGuides="1">
      <p:cViewPr>
        <p:scale>
          <a:sx n="66" d="100"/>
          <a:sy n="66" d="100"/>
        </p:scale>
        <p:origin x="600" y="27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microsoft.com/office/2015/10/relationships/revisionInfo" Target="revisionInfo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06-May-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06-May-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06-May-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06/05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06-May-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06-May-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06-May-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06-May-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06-May-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06-May-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06-May-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06-May-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06-May-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hyperlink" Target="https://www.iata.org/en/events/all/iata-aviation-energy-forum/" TargetMode="Externa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4.svg"/><Relationship Id="rId4" Type="http://schemas.openxmlformats.org/officeDocument/2006/relationships/image" Target="../media/image3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4.sv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ackground Image">
            <a:extLst>
              <a:ext uri="{FF2B5EF4-FFF2-40B4-BE49-F238E27FC236}">
                <a16:creationId xmlns:a16="http://schemas.microsoft.com/office/drawing/2014/main" id="{4C8D5E7D-B7D0-956A-CC67-9F47B016CA29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/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AEF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/>
              </a:rPr>
              <a:t>AEF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508739DE-A8E1-50E0-F62F-DD429B1049B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626731" y="3623939"/>
            <a:ext cx="4938538" cy="2770815"/>
          </a:xfrm>
          <a:prstGeom prst="rect">
            <a:avLst/>
          </a:prstGeom>
        </p:spPr>
      </p:pic>
      <p:sp>
        <p:nvSpPr>
          <p:cNvPr id="2" name="Host Airline">
            <a:extLst>
              <a:ext uri="{FF2B5EF4-FFF2-40B4-BE49-F238E27FC236}">
                <a16:creationId xmlns:a16="http://schemas.microsoft.com/office/drawing/2014/main" id="{93B71AC2-0DA4-287A-F147-23B2D70218AA}"/>
              </a:ext>
            </a:extLst>
          </p:cNvPr>
          <p:cNvSpPr txBox="1">
            <a:spLocks/>
          </p:cNvSpPr>
          <p:nvPr/>
        </p:nvSpPr>
        <p:spPr>
          <a:xfrm>
            <a:off x="6497639" y="5816593"/>
            <a:ext cx="1137002" cy="145197"/>
          </a:xfrm>
          <a:prstGeom prst="rect">
            <a:avLst/>
          </a:prstGeom>
        </p:spPr>
        <p:txBody>
          <a:bodyPr vert="horz" lIns="162560" tIns="81282" rIns="162560" bIns="81282" rtlCol="0">
            <a:noAutofit/>
          </a:bodyPr>
          <a:lstStyle>
            <a:lvl1pPr marL="228600" indent="-22860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10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28575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800" dirty="0"/>
              <a:t>Host Airline</a:t>
            </a:r>
          </a:p>
        </p:txBody>
      </p:sp>
      <p:pic>
        <p:nvPicPr>
          <p:cNvPr id="4" name="Austrian logo">
            <a:extLst>
              <a:ext uri="{FF2B5EF4-FFF2-40B4-BE49-F238E27FC236}">
                <a16:creationId xmlns:a16="http://schemas.microsoft.com/office/drawing/2014/main" id="{E35BD3CF-4A26-A4C4-F7DC-80FB5DDB4820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583656" y="6063363"/>
            <a:ext cx="1050985" cy="1549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C4A91859-DAEA-4C22-1362-9EBAC0365C4B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/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/>
          <p:nvPr/>
        </p:nvSpPr>
        <p:spPr>
          <a:xfrm>
            <a:off x="254021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</p:sp>
      <p:sp>
        <p:nvSpPr>
          <p:cNvPr id="3" name="Host Airline">
            <a:extLst>
              <a:ext uri="{FF2B5EF4-FFF2-40B4-BE49-F238E27FC236}">
                <a16:creationId xmlns:a16="http://schemas.microsoft.com/office/drawing/2014/main" id="{92597BF3-EBE5-F1BC-EDD2-1E03F54F665B}"/>
              </a:ext>
            </a:extLst>
          </p:cNvPr>
          <p:cNvSpPr txBox="1">
            <a:spLocks/>
          </p:cNvSpPr>
          <p:nvPr/>
        </p:nvSpPr>
        <p:spPr>
          <a:xfrm>
            <a:off x="7082973" y="5492171"/>
            <a:ext cx="2692103" cy="343787"/>
          </a:xfrm>
          <a:prstGeom prst="rect">
            <a:avLst/>
          </a:prstGeom>
        </p:spPr>
        <p:txBody>
          <a:bodyPr vert="horz" lIns="162560" tIns="81282" rIns="162560" bIns="81282" rtlCol="0">
            <a:noAutofit/>
          </a:bodyPr>
          <a:lstStyle>
            <a:lvl1pPr marL="228600" indent="-22860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10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28575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780" dirty="0"/>
              <a:t>Host Airline</a:t>
            </a:r>
          </a:p>
        </p:txBody>
      </p:sp>
      <p:pic>
        <p:nvPicPr>
          <p:cNvPr id="13" name="Austrian logo">
            <a:extLst>
              <a:ext uri="{FF2B5EF4-FFF2-40B4-BE49-F238E27FC236}">
                <a16:creationId xmlns:a16="http://schemas.microsoft.com/office/drawing/2014/main" id="{1845C907-F50B-36AE-E658-541F2DB351E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238174" y="5965504"/>
            <a:ext cx="2692103" cy="3968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894602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A building with a dome and a green roof&#10;&#10;Description automatically generated">
            <a:extLst>
              <a:ext uri="{FF2B5EF4-FFF2-40B4-BE49-F238E27FC236}">
                <a16:creationId xmlns:a16="http://schemas.microsoft.com/office/drawing/2014/main" id="{9FBFCB3B-412D-8457-A85F-935A5246C442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1999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5014488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57FC4C243D4F9240B24FA2B884350386" ma:contentTypeVersion="15" ma:contentTypeDescription="Create a new document." ma:contentTypeScope="" ma:versionID="09bd71abb9bd55bc7c17429887d346c5">
  <xsd:schema xmlns:xsd="http://www.w3.org/2001/XMLSchema" xmlns:xs="http://www.w3.org/2001/XMLSchema" xmlns:p="http://schemas.microsoft.com/office/2006/metadata/properties" xmlns:ns2="e188e43f-f674-4616-9a67-b04442e8f474" xmlns:ns3="fcff6b30-1394-4cd1-b494-572dec5b04af" targetNamespace="http://schemas.microsoft.com/office/2006/metadata/properties" ma:root="true" ma:fieldsID="b6c3ea59a6489324f84692bca520ddce" ns2:_="" ns3:_="">
    <xsd:import namespace="e188e43f-f674-4616-9a67-b04442e8f474"/>
    <xsd:import namespace="fcff6b30-1394-4cd1-b494-572dec5b04af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bjectDetectorVersions" minOccurs="0"/>
                <xsd:element ref="ns2:MediaServiceSearchProperties" minOccurs="0"/>
                <xsd:element ref="ns3:SharedWithUsers" minOccurs="0"/>
                <xsd:element ref="ns3:SharedWithDetails" minOccurs="0"/>
                <xsd:element ref="ns2:lcf76f155ced4ddcb4097134ff3c332f" minOccurs="0"/>
                <xsd:element ref="ns3:TaxCatchAll" minOccurs="0"/>
                <xsd:element ref="ns2:MediaServiceDateTaken" minOccurs="0"/>
                <xsd:element ref="ns2:MediaServiceGenerationTime" minOccurs="0"/>
                <xsd:element ref="ns2:MediaServiceEventHashCode" minOccurs="0"/>
                <xsd:element ref="ns2:MediaServiceLocation" minOccurs="0"/>
                <xsd:element ref="ns2:MediaServiceOCR" minOccurs="0"/>
                <xsd:element ref="ns2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188e43f-f674-4616-9a67-b04442e8f474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bjectDetectorVersions" ma:index="10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11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lcf76f155ced4ddcb4097134ff3c332f" ma:index="15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DateTaken" ma:index="17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GenerationTime" ma:index="18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9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20" nillable="true" ma:displayName="Location" ma:indexed="true" ma:internalName="MediaServiceLocation" ma:readOnly="true">
      <xsd:simpleType>
        <xsd:restriction base="dms:Text"/>
      </xsd:simpleType>
    </xsd:element>
    <xsd:element name="MediaServiceOCR" ma:index="2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cff6b30-1394-4cd1-b494-572dec5b04af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16" nillable="true" ma:displayName="Taxonomy Catch All Column" ma:hidden="true" ma:list="{c11f82ad-c159-4742-be90-46cae85bb5ac}" ma:internalName="TaxCatchAll" ma:showField="CatchAllData" ma:web="fcff6b30-1394-4cd1-b494-572dec5b04af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e188e43f-f674-4616-9a67-b04442e8f474">
      <Terms xmlns="http://schemas.microsoft.com/office/infopath/2007/PartnerControls"/>
    </lcf76f155ced4ddcb4097134ff3c332f>
    <TaxCatchAll xmlns="fcff6b30-1394-4cd1-b494-572dec5b04af" xsi:nil="true"/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561B46D8-86F7-4A38-8895-82F05AEEE5D2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e188e43f-f674-4616-9a67-b04442e8f474"/>
    <ds:schemaRef ds:uri="fcff6b30-1394-4cd1-b494-572dec5b04af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B34183C6-7270-4AC2-9CD2-45B68A49FD3D}">
  <ds:schemaRefs>
    <ds:schemaRef ds:uri="fcff6b30-1394-4cd1-b494-572dec5b04af"/>
    <ds:schemaRef ds:uri="http://purl.org/dc/terms/"/>
    <ds:schemaRef ds:uri="http://schemas.openxmlformats.org/package/2006/metadata/core-properties"/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e188e43f-f674-4616-9a67-b04442e8f474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28</TotalTime>
  <Words>115</Words>
  <Application>Microsoft Office PowerPoint</Application>
  <PresentationFormat>Widescreen</PresentationFormat>
  <Paragraphs>10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9" baseType="lpstr">
      <vt:lpstr>Aktiv Grotesk</vt:lpstr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Murphy</dc:creator>
  <cp:lastModifiedBy>Katie Erofeeva</cp:lastModifiedBy>
  <cp:revision>2</cp:revision>
  <dcterms:created xsi:type="dcterms:W3CDTF">2023-06-13T12:34:15Z</dcterms:created>
  <dcterms:modified xsi:type="dcterms:W3CDTF">2024-05-06T15:40:4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57FC4C243D4F9240B24FA2B884350386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</Properties>
</file>